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EE35A26" w14:textId="178AF2E1" w:rsidR="007B2972" w:rsidRPr="00EE3180" w:rsidRDefault="002424EF" w:rsidP="002424EF">
      <w:pPr>
        <w:pStyle w:val="Overskrift2"/>
        <w:rPr>
          <w:b/>
          <w:bCs/>
          <w:lang w:val="en-US"/>
        </w:rPr>
      </w:pPr>
      <w:r w:rsidRPr="00EE3180">
        <w:rPr>
          <w:b/>
          <w:bCs/>
          <w:lang w:val="en-US"/>
        </w:rPr>
        <w:t>Kortoversigter over Teams Rooms</w:t>
      </w:r>
      <w:r w:rsidR="00EE3180" w:rsidRPr="00EE3180">
        <w:rPr>
          <w:b/>
          <w:bCs/>
          <w:lang w:val="en-US"/>
        </w:rPr>
        <w:t xml:space="preserve"> / Overview of</w:t>
      </w:r>
      <w:r w:rsidR="00EE3180">
        <w:rPr>
          <w:b/>
          <w:bCs/>
          <w:lang w:val="en-US"/>
        </w:rPr>
        <w:t xml:space="preserve"> Teams Rooms at SUND</w:t>
      </w:r>
    </w:p>
    <w:p w14:paraId="2550EBFC" w14:textId="77777777" w:rsidR="002424EF" w:rsidRPr="00EE3180" w:rsidRDefault="002424EF" w:rsidP="002424EF">
      <w:pPr>
        <w:rPr>
          <w:lang w:val="en-US"/>
        </w:rPr>
      </w:pPr>
    </w:p>
    <w:p w14:paraId="37D95251" w14:textId="503F3DF4" w:rsidR="002424EF" w:rsidRDefault="002424EF" w:rsidP="002424EF">
      <w:r>
        <w:rPr>
          <w:noProof/>
        </w:rPr>
        <w:drawing>
          <wp:inline distT="0" distB="0" distL="0" distR="0" wp14:anchorId="253891E8" wp14:editId="0F9AAB17">
            <wp:extent cx="5381625" cy="7336146"/>
            <wp:effectExtent l="0" t="0" r="0" b="0"/>
            <wp:docPr id="2" name="Picture 1" descr="Et billede, der indeholder kort, skærmbillede, Rektangel, Plan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 descr="Et billede, der indeholder kort, skærmbillede, Rektangel, Plan&#10;&#10;Automatisk genereret beskrivelse"/>
                    <pic:cNvPicPr>
                      <a:picLocks noChangeAspect="1" noChangeArrowheads="1"/>
                    </pic:cNvPicPr>
                  </pic:nvPicPr>
                  <pic:blipFill>
                    <a:blip r:embed="rId8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384103" cy="7339524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E790B8B" w14:textId="77777777" w:rsidR="002424EF" w:rsidRDefault="002424EF" w:rsidP="002424EF"/>
    <w:p w14:paraId="3A20D690" w14:textId="77777777" w:rsidR="002424EF" w:rsidRDefault="002424EF" w:rsidP="002424EF"/>
    <w:p w14:paraId="1EBFE511" w14:textId="005C066A" w:rsidR="002424EF" w:rsidRDefault="002424EF" w:rsidP="002424EF">
      <w:r>
        <w:rPr>
          <w:noProof/>
        </w:rPr>
        <w:lastRenderedPageBreak/>
        <w:drawing>
          <wp:inline distT="0" distB="0" distL="0" distR="0" wp14:anchorId="656ED032" wp14:editId="374B11EC">
            <wp:extent cx="4962525" cy="3861216"/>
            <wp:effectExtent l="0" t="0" r="0" b="6350"/>
            <wp:docPr id="3" name="Picture 2" descr="Et billede, der indeholder skærmbillede, Rektangel, linje/række, kvadratisk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 descr="Et billede, der indeholder skærmbillede, Rektangel, linje/række, kvadratisk&#10;&#10;Automatisk genereret beskrivelse"/>
                    <pic:cNvPicPr>
                      <a:picLocks noChangeAspect="1" noChangeArrowheads="1"/>
                    </pic:cNvPicPr>
                  </pic:nvPicPr>
                  <pic:blipFill>
                    <a:blip r:embed="rId9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965421" cy="3863469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6CCFE68" w14:textId="3F48564E" w:rsidR="002424EF" w:rsidRDefault="002424EF" w:rsidP="002424EF">
      <w:r>
        <w:rPr>
          <w:noProof/>
        </w:rPr>
        <w:drawing>
          <wp:inline distT="0" distB="0" distL="0" distR="0" wp14:anchorId="5523BBD0" wp14:editId="591682D0">
            <wp:extent cx="4971339" cy="3562350"/>
            <wp:effectExtent l="0" t="0" r="1270" b="0"/>
            <wp:docPr id="4" name="Picture 3" descr="Et billede, der indeholder Rektangel, kvadratisk, skærmbillede, Plan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 descr="Et billede, der indeholder Rektangel, kvadratisk, skærmbillede, Plan&#10;&#10;Automatisk genereret beskrivelse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978221" cy="3567281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32790F4" w14:textId="77777777" w:rsidR="002424EF" w:rsidRDefault="002424EF" w:rsidP="002424EF"/>
    <w:p w14:paraId="7BF34E9E" w14:textId="77777777" w:rsidR="002424EF" w:rsidRDefault="002424EF" w:rsidP="002424EF"/>
    <w:p w14:paraId="0E07F997" w14:textId="77777777" w:rsidR="002424EF" w:rsidRDefault="002424EF" w:rsidP="002424EF"/>
    <w:p w14:paraId="66E58C5D" w14:textId="16C3167B" w:rsidR="002424EF" w:rsidRDefault="002424EF" w:rsidP="002424EF">
      <w:r>
        <w:rPr>
          <w:noProof/>
        </w:rPr>
        <w:lastRenderedPageBreak/>
        <w:drawing>
          <wp:inline distT="0" distB="0" distL="0" distR="0" wp14:anchorId="55421CDD" wp14:editId="7EBC81DF">
            <wp:extent cx="5886450" cy="7649237"/>
            <wp:effectExtent l="0" t="0" r="0" b="8890"/>
            <wp:docPr id="7" name="Picture 5" descr="Et billede, der indeholder kort, tekst, Plan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7" descr="Et billede, der indeholder kort, tekst, Plan&#10;&#10;Automatisk genereret beskrivelse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894960" cy="766029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87755BB" w14:textId="77777777" w:rsidR="002424EF" w:rsidRDefault="002424EF" w:rsidP="002424EF"/>
    <w:p w14:paraId="75175785" w14:textId="77777777" w:rsidR="002424EF" w:rsidRDefault="002424EF" w:rsidP="002424EF"/>
    <w:p w14:paraId="3E8AAAD1" w14:textId="77777777" w:rsidR="002424EF" w:rsidRDefault="002424EF" w:rsidP="002424EF"/>
    <w:p w14:paraId="57331E4F" w14:textId="22F9DC64" w:rsidR="002424EF" w:rsidRDefault="002424EF" w:rsidP="002424EF">
      <w:r>
        <w:rPr>
          <w:noProof/>
        </w:rPr>
        <w:lastRenderedPageBreak/>
        <w:drawing>
          <wp:inline distT="0" distB="0" distL="0" distR="0" wp14:anchorId="6688B7D3" wp14:editId="4A828656">
            <wp:extent cx="2765700" cy="3705225"/>
            <wp:effectExtent l="0" t="0" r="0" b="0"/>
            <wp:docPr id="9" name="Picture 7" descr="Et billede, der indeholder kort, skærmbillede, Plan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9" descr="Et billede, der indeholder kort, skærmbillede, Plan&#10;&#10;Automatisk genereret beskrivelse"/>
                    <pic:cNvPicPr>
                      <a:picLocks noChangeAspect="1" noChangeArrowheads="1"/>
                    </pic:cNvPicPr>
                  </pic:nvPicPr>
                  <pic:blipFill rotWithShape="1"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32165" r="9238" b="9439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73524" cy="3715707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5A493868" w14:textId="734F391D" w:rsidR="002424EF" w:rsidRPr="002424EF" w:rsidRDefault="002424EF" w:rsidP="002424EF">
      <w:r>
        <w:rPr>
          <w:noProof/>
        </w:rPr>
        <w:drawing>
          <wp:inline distT="0" distB="0" distL="0" distR="0" wp14:anchorId="13FABFAF" wp14:editId="613E45CD">
            <wp:extent cx="3057525" cy="4661474"/>
            <wp:effectExtent l="0" t="0" r="0" b="6350"/>
            <wp:docPr id="10" name="Picture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0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062891" cy="466965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sectPr w:rsidR="002424EF" w:rsidRPr="002424EF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29E6B34" w14:textId="77777777" w:rsidR="001D0AB3" w:rsidRDefault="001D0AB3" w:rsidP="00115E35">
      <w:pPr>
        <w:spacing w:after="0" w:line="240" w:lineRule="auto"/>
      </w:pPr>
      <w:r>
        <w:separator/>
      </w:r>
    </w:p>
  </w:endnote>
  <w:endnote w:type="continuationSeparator" w:id="0">
    <w:p w14:paraId="5054EA23" w14:textId="77777777" w:rsidR="001D0AB3" w:rsidRDefault="001D0AB3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4A16793" w14:textId="77777777" w:rsidR="001D0AB3" w:rsidRDefault="001D0AB3" w:rsidP="00115E35">
      <w:pPr>
        <w:spacing w:after="0" w:line="240" w:lineRule="auto"/>
      </w:pPr>
      <w:r>
        <w:separator/>
      </w:r>
    </w:p>
  </w:footnote>
  <w:footnote w:type="continuationSeparator" w:id="0">
    <w:p w14:paraId="57490B13" w14:textId="77777777" w:rsidR="001D0AB3" w:rsidRDefault="001D0AB3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424EF"/>
    <w:rsid w:val="00033327"/>
    <w:rsid w:val="0003435D"/>
    <w:rsid w:val="0003486B"/>
    <w:rsid w:val="00115E35"/>
    <w:rsid w:val="001502F1"/>
    <w:rsid w:val="00174AE2"/>
    <w:rsid w:val="001D0AB3"/>
    <w:rsid w:val="002424EF"/>
    <w:rsid w:val="002A1263"/>
    <w:rsid w:val="003C3083"/>
    <w:rsid w:val="004B1C50"/>
    <w:rsid w:val="00691EDE"/>
    <w:rsid w:val="006D56F4"/>
    <w:rsid w:val="007B2972"/>
    <w:rsid w:val="00807DED"/>
    <w:rsid w:val="00931E05"/>
    <w:rsid w:val="009F7107"/>
    <w:rsid w:val="00A72CF2"/>
    <w:rsid w:val="00BA13C9"/>
    <w:rsid w:val="00BE32A1"/>
    <w:rsid w:val="00CC6D53"/>
    <w:rsid w:val="00D40812"/>
    <w:rsid w:val="00E45F2D"/>
    <w:rsid w:val="00E87314"/>
    <w:rsid w:val="00EE1CD7"/>
    <w:rsid w:val="00EE318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DDF97C2"/>
  <w15:chartTrackingRefBased/>
  <w15:docId w15:val="{55C6BD8E-01F5-4C8A-A53F-D644CD55708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13" Type="http://schemas.openxmlformats.org/officeDocument/2006/relationships/image" Target="media/image6.png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image" Target="media/image5.png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image" Target="media/image4.png"/><Relationship Id="rId5" Type="http://schemas.openxmlformats.org/officeDocument/2006/relationships/webSettings" Target="webSettings.xml"/><Relationship Id="rId15" Type="http://schemas.openxmlformats.org/officeDocument/2006/relationships/theme" Target="theme/theme1.xml"/><Relationship Id="rId10" Type="http://schemas.openxmlformats.org/officeDocument/2006/relationships/image" Target="media/image3.png"/><Relationship Id="rId4" Type="http://schemas.openxmlformats.org/officeDocument/2006/relationships/settings" Target="settings.xml"/><Relationship Id="rId9" Type="http://schemas.openxmlformats.org/officeDocument/2006/relationships/image" Target="media/image2.png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rasm\AppData\Local\Temp\1\Templafy\WordVsto\byzwurvj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yzwurvj.dotx</Template>
  <TotalTime>1</TotalTime>
  <Pages>4</Pages>
  <Words>10</Words>
  <Characters>77</Characters>
  <Application>Microsoft Office Word</Application>
  <DocSecurity>0</DocSecurity>
  <Lines>77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thrine Dømler Rasmussen</dc:creator>
  <cp:keywords/>
  <dc:description/>
  <cp:lastModifiedBy>Anne Mølgaard Nielsen</cp:lastModifiedBy>
  <cp:revision>3</cp:revision>
  <dcterms:created xsi:type="dcterms:W3CDTF">2026-03-06T05:14:00Z</dcterms:created>
  <dcterms:modified xsi:type="dcterms:W3CDTF">2026-03-06T05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98956903005919642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